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603\前月分（2月分）\"/>
    </mc:Choice>
  </mc:AlternateContent>
  <xr:revisionPtr revIDLastSave="0" documentId="13_ncr:1_{C9EFF9A4-243E-44C4-AE85-181882D4576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7" uniqueCount="132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３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7"/>
  <sheetViews>
    <sheetView showGridLines="0" tabSelected="1" zoomScale="91" zoomScaleNormal="91" zoomScaleSheetLayoutView="85" workbookViewId="0">
      <selection activeCell="F3" sqref="F3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27.296875" style="2" customWidth="1"/>
    <col min="4" max="4" width="34.59765625" style="2" customWidth="1"/>
    <col min="5" max="5" width="24.199218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31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5</v>
      </c>
      <c r="E14" s="9" t="s">
        <v>42</v>
      </c>
      <c r="F14" s="10"/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  <c r="G31" s="6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1</v>
      </c>
      <c r="C35" s="9" t="s">
        <v>122</v>
      </c>
      <c r="D35" s="9" t="s">
        <v>123</v>
      </c>
      <c r="E35" s="9" t="s">
        <v>124</v>
      </c>
      <c r="F35" s="5"/>
    </row>
    <row r="36" spans="2:6" ht="24" customHeight="1" x14ac:dyDescent="0.45">
      <c r="B36" s="5" t="s">
        <v>129</v>
      </c>
      <c r="C36" s="9" t="s">
        <v>126</v>
      </c>
      <c r="D36" s="9" t="s">
        <v>127</v>
      </c>
      <c r="E36" s="9" t="s">
        <v>128</v>
      </c>
      <c r="F36" s="5"/>
    </row>
    <row r="37" spans="2:6" ht="26.25" customHeight="1" x14ac:dyDescent="0.45">
      <c r="B37" s="3" t="s">
        <v>130</v>
      </c>
      <c r="C37" s="7"/>
      <c r="D37" s="7"/>
      <c r="E37" s="7"/>
      <c r="F37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3-10T09:36:40Z</dcterms:modified>
</cp:coreProperties>
</file>